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3-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3-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udwestfrysla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F545ABD0-9547-569F-6FC6-AEE9053F2C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0276" y="4628558"/>
            <a:ext cx="1912981" cy="196271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94338524-1CA2-941C-7133-817E76C03B2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9881" y="3854368"/>
            <a:ext cx="1425155"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2-23T11:53:22Z</dcterms:modified>
</cp:coreProperties>
</file>